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2A7A771E-590F-4FC3-88D4-6FD7ED5307E9}" xr6:coauthVersionLast="45" xr6:coauthVersionMax="45" xr10:uidLastSave="{00000000-0000-0000-0000-000000000000}"/>
  <bookViews>
    <workbookView xWindow="1720" yWindow="31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69" uniqueCount="122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นางสมหวัง  ทองวิชิต</t>
  </si>
  <si>
    <t>ร้อยเอ็ด</t>
  </si>
  <si>
    <t>เชียงใหม่</t>
  </si>
  <si>
    <t>ประจวบคีรีขันธ์</t>
  </si>
  <si>
    <t>สงขลา</t>
  </si>
  <si>
    <t>สมหวัง ทองวิชิต</t>
  </si>
  <si>
    <t>กลุ่มพัฒนาสตรีบ้านสวนปอ</t>
  </si>
  <si>
    <t>กลุ่มทอผ้าบ้านห้วยทราย</t>
  </si>
  <si>
    <t>กลุ่มผ้าขาวม้า  ดารานาคี เช็คอิน@บึงกาฬ</t>
  </si>
  <si>
    <t xml:space="preserve">กลุ่มทอผ้าและตัดเย็บบ้านหาดเสี้ยว </t>
  </si>
  <si>
    <t>กลุ่มทอผ้าและตัดเย็บบ้านหาดเสี้ยว จ.สุโขทัย</t>
  </si>
  <si>
    <t>นางณัฐรดา  แก้วชมพู</t>
  </si>
  <si>
    <t>นางสาวสุพัตรา  แสงกองมี</t>
  </si>
  <si>
    <t>นางสุจินต์  โพธิวิจิตร</t>
  </si>
  <si>
    <t>คุณสุจินต์  โพธิวิจิตร</t>
  </si>
  <si>
    <t xml:space="preserve">กลุ่มพัฒนาสตรีบ้านสวนปอ  หมู่ 6 ตำบลหนองแคน   อำเภอปทุมรัตน์  จังหวัดร้อยเอ็ด  </t>
  </si>
  <si>
    <t xml:space="preserve">91 หมู่ 2  บ้านสะง้อ  ตำบลหอคำ  อำเภอเมืองบึงกาฬ  จังหวัดบึงกาฬ </t>
  </si>
  <si>
    <t xml:space="preserve">434  หมู่  2 ตำบลหาดเสี้ยว  อำเภอศรีสัชนาลัย จังหวัดสุโขทัย  </t>
  </si>
  <si>
    <t xml:space="preserve">434  ม.2  ตำบลหาดเสี้ยว อำเภอศรีสัชนาลัย  จังหวัดสุโขทัย </t>
  </si>
  <si>
    <t>หนองบัวลำภู</t>
  </si>
  <si>
    <t>บึงกาฬ</t>
  </si>
  <si>
    <t>กาฬสินธุ์</t>
  </si>
  <si>
    <t>สุโขทัย</t>
  </si>
  <si>
    <t>อำนาจเจริญ</t>
  </si>
  <si>
    <t>สุพรรณบุรี</t>
  </si>
  <si>
    <t>ยโสธร</t>
  </si>
  <si>
    <t>081-060-6742</t>
  </si>
  <si>
    <t>094-951-4124</t>
  </si>
  <si>
    <t>091-061-2024 095-664-7134</t>
  </si>
  <si>
    <t>081-374-1422</t>
  </si>
  <si>
    <t>094-003-6227</t>
  </si>
  <si>
    <t>จันทบุรี</t>
  </si>
  <si>
    <t>ปัตตานี</t>
  </si>
  <si>
    <t>คุณราตรี  ปรีชญาวิชัยกุล</t>
  </si>
  <si>
    <t>085-724-1338</t>
  </si>
  <si>
    <t>แม่ฮ่องสอน</t>
  </si>
  <si>
    <t>กลุ่มสตรีทอผ้าบ้านเขาเต่า</t>
  </si>
  <si>
    <t>กลุ่มภัทลี หัตถกรรมกาบกล้วย</t>
  </si>
  <si>
    <t>กลุ่มสตรีทอเสื่อกกบ้านเสม็ดงาม</t>
  </si>
  <si>
    <t>กลุ่มผ้าปักด้วยมือบ้านสันกอง</t>
  </si>
  <si>
    <t>กลุ่มทอผ้าบ้านหนองลิง</t>
  </si>
  <si>
    <t>คุณธัญรดา  พลายชม</t>
  </si>
  <si>
    <t>นางสาวดรุณี  แวยามา</t>
  </si>
  <si>
    <t>คุณจุไรรัตน์  สรรพสุข</t>
  </si>
  <si>
    <t>นางสมบัติ  ป้องจันทร์</t>
  </si>
  <si>
    <t>คุณนิธี สุธรรมรัก</t>
  </si>
  <si>
    <t>คุณนิตยา / คุณประพันธ์ ใจโต</t>
  </si>
  <si>
    <t xml:space="preserve">กลุ่มสตรีทอผ้าบ้านเขาเต่า  หมู่บ้านเขาเต่า  ตำบลหนองแก อำเภอหัวหิน  จังหวัดประจวบคีรีขันธ์  </t>
  </si>
  <si>
    <t xml:space="preserve">10/1 หมู่ที่ 2  ตำบลบางนา  อำเภอเมืองปัตตานี  จังหวัดปัตตานี		 </t>
  </si>
  <si>
    <t xml:space="preserve">กลุ่มสตรีทอเสื่อกก บ้านเสม็ดงาม 40/3 หมู่ 10 ตำบลหนองบัว  อำเภอเมือง  จังหวัดจันทบุรี  </t>
  </si>
  <si>
    <t xml:space="preserve">109 หมู่ 2 ถนนพหลโยธิน บ้านสันกอง ตำบลแม่ไร่ อำเภอแม่จัน จังหวัดเชียงราย </t>
  </si>
  <si>
    <t>94 หมู่ 1 ตำบลบ่อสุพรรณ อำเภอสองพี่น้อง  จังหวัดสุพรรณบุรี</t>
  </si>
  <si>
    <t>032-908858 , 089-743-2559</t>
  </si>
  <si>
    <t xml:space="preserve">089-881-4344. </t>
  </si>
  <si>
    <t>083-328-9308</t>
  </si>
  <si>
    <t>081-568-9385, 0-5366-7719</t>
  </si>
  <si>
    <t>087-091-9084</t>
  </si>
  <si>
    <t>ชลบุรี</t>
  </si>
  <si>
    <t>ชุมชนดีมีรอยยิ้มยางตลาด</t>
  </si>
  <si>
    <t xml:space="preserve">กลุ่มผ้าแปรรูปและสิ่งประดิษฐ์  </t>
  </si>
  <si>
    <t>กลุ่มทอผ้าพื้นเมืองเทวาผ้าไทย บ้านนาคำไฮ</t>
  </si>
  <si>
    <t xml:space="preserve">กลุ่มส่งเสริมอาชีพจักสารไม้ไผ่บ้านทรงธรรม </t>
  </si>
  <si>
    <t>กลุ่มทอผ้าฝ้ายย้อมสีธรรมชาติ จ.แม่ฮ่องสอน</t>
  </si>
  <si>
    <t>กลุ่มสตรีสหกรณ์ บ้านคำพระ</t>
  </si>
  <si>
    <t>กลุ่มบางกล่ำดินเผา</t>
  </si>
  <si>
    <t>กลุ่มทอผ้าพื้นเมืองย้อมสีธรรมชาติบ้านทุ่งนาเมือง</t>
  </si>
  <si>
    <t>กลุ่มทอผ้าและแปรรูปผลิตภัรฑ์จากผ้าบ้านห้วยเตย</t>
  </si>
  <si>
    <t>นางรัชณีย์  ไชยมะเย</t>
  </si>
  <si>
    <t>นางสาวเบญญาภา  วรวิชธนากูล</t>
  </si>
  <si>
    <t>คุณอัญชัน รอดทอง</t>
  </si>
  <si>
    <t>นางสุริยัน  พระสุนิน</t>
  </si>
  <si>
    <t>น.ส.นุจรินทร์  สุวรรณชาตรี</t>
  </si>
  <si>
    <t>นายนันทวัฒน์  บุญกระสินธ์</t>
  </si>
  <si>
    <t xml:space="preserve">264  หมู่ที่ 1 บ้านนาคำไฮ  ตำบลนาคำไฮ  อำเภอเมือง  จังหวัดหนองบัวลำภู  </t>
  </si>
  <si>
    <t>52/2  หมู่ 2 ตำบลหนองปรือ อำเภอพนัสนิคม จังหวัดชลบุรี</t>
  </si>
  <si>
    <t xml:space="preserve">204 หมู่ที่ 5 ตำบลบ้านแปะ อำเภอจอมทอง จังหวัดเชียงใหม่ </t>
  </si>
  <si>
    <t xml:space="preserve">65 หมู่ 2 ตำบลผาปอง อำเภอเมืองแม่ฮ่องสอน จังหวัดแม่ฮ่องสอน 	</t>
  </si>
  <si>
    <t>39 หมู่ 2	ตำบลคำพระ  อำเภอหัวตะพาน  จังหวัดอำนาจเจริญ</t>
  </si>
  <si>
    <t xml:space="preserve">กลุ่มบางกล่ำดินเผา  39 ตำบลบางกล่ำ อำเภอบางกล่ำ จังหวัดสงขลา </t>
  </si>
  <si>
    <t>166 หมู่ที่ 6 ตำบลนาโพธิ์กลาง อำเภอโขงเจียม จังหวัดอุบลราชธานี</t>
  </si>
  <si>
    <t>กลุ่มทอผ้าและแปรรูปผลิตภัณฑ์จากผ้าบ้านห้วยเตย  หมู่ที่ 5  ตำบลเว่อ  อำเภอยางตลาด  จังหวัดกาฬสินธุ์</t>
  </si>
  <si>
    <t xml:space="preserve">13/2 ซอยเทศบาล  11 ถนนวิทยธำรงค์  ตำบลในเมือง  อำเภอเมือง  จังหวัดยโสธร </t>
  </si>
  <si>
    <t>เชียงราย</t>
  </si>
  <si>
    <t>อุบลราชธานี</t>
  </si>
  <si>
    <t>081-631-7009</t>
  </si>
  <si>
    <t>086-972-9787</t>
  </si>
  <si>
    <t>081-991-4062</t>
  </si>
  <si>
    <t>089-668-3973</t>
  </si>
  <si>
    <t>093-574-5683 , 0819596951 , 0815980727</t>
  </si>
  <si>
    <t>087-695-8633 , 086-046-5184</t>
  </si>
  <si>
    <t>0816317009</t>
  </si>
  <si>
    <t xml:space="preserve">0898814344 </t>
  </si>
  <si>
    <t>0869729787</t>
  </si>
  <si>
    <t>katlee</t>
  </si>
  <si>
    <t>Nithee</t>
  </si>
  <si>
    <t>093-574-5683</t>
  </si>
  <si>
    <t>เสื่อกกจันทบูร by จุไรรัตน์</t>
  </si>
  <si>
    <t>เทวาผ้าไทย - ผ้าฝ้าย ผ้าไหม ผ้าทอมือ ผ้าซิ่น ผ้ายกดอก ผ้ามัดหมี่ คลุมไหล่</t>
  </si>
  <si>
    <t>Natrada cotton</t>
  </si>
  <si>
    <t>ราตรี  ปรีชญาวิชัยกุล</t>
  </si>
  <si>
    <t>ดารานาคี ดาวแห่งโคลนแม่น้ำโขง</t>
  </si>
  <si>
    <t>กลุ่มสตรีสหกรณ์บ้านคำพระ หมู่2 จำหน่ายกระเป๋า ของชำร่วย ราคาปลีก ส่ง</t>
  </si>
  <si>
    <t>บางกล่ำดินเผา</t>
  </si>
  <si>
    <t>ป้าแต๋ว ผ้าปักดอกมะเขือ</t>
  </si>
  <si>
    <t>kittiphan0869729787@gmail.com</t>
  </si>
  <si>
    <t>bangklampottery@gmail.com</t>
  </si>
  <si>
    <t>http://www.pathaingam.com</t>
  </si>
  <si>
    <t>www.exten.pn.psu.ac.t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8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15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2" fillId="4" borderId="5" xfId="0" applyNumberFormat="1" applyFont="1" applyFill="1" applyBorder="1" applyAlignment="1">
      <alignment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7" xfId="0" applyNumberFormat="1" applyFont="1" applyFill="1" applyBorder="1" applyAlignment="1">
      <alignment vertical="center"/>
    </xf>
    <xf numFmtId="0" fontId="2" fillId="4" borderId="7" xfId="0" quotePrefix="1" applyNumberFormat="1" applyFont="1" applyFill="1" applyBorder="1" applyAlignment="1">
      <alignment vertical="center"/>
    </xf>
    <xf numFmtId="0" fontId="2" fillId="4" borderId="7" xfId="0" applyNumberFormat="1" applyFont="1" applyFill="1" applyBorder="1" applyAlignment="1">
      <alignment vertical="center" wrapText="1"/>
    </xf>
    <xf numFmtId="0" fontId="4" fillId="4" borderId="7" xfId="1" applyNumberFormat="1" applyFont="1" applyFill="1" applyBorder="1" applyAlignment="1">
      <alignment vertical="center"/>
    </xf>
    <xf numFmtId="0" fontId="4" fillId="4" borderId="6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pathaingam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4"/>
  <sheetViews>
    <sheetView showGridLines="0" tabSelected="1" topLeftCell="E16" workbookViewId="0">
      <selection activeCell="K4" sqref="K4:K24"/>
    </sheetView>
  </sheetViews>
  <sheetFormatPr defaultColWidth="16.36328125" defaultRowHeight="19.899999999999999" customHeight="1"/>
  <cols>
    <col min="1" max="1" width="64.453125" style="5" bestFit="1" customWidth="1"/>
    <col min="2" max="2" width="20.36328125" style="5" bestFit="1" customWidth="1"/>
    <col min="3" max="3" width="36.453125" style="5" bestFit="1" customWidth="1"/>
    <col min="4" max="4" width="121.7265625" style="5" bestFit="1" customWidth="1"/>
    <col min="5" max="12" width="16.36328125" style="5" customWidth="1"/>
    <col min="13" max="16384" width="16.36328125" style="5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6" t="s">
        <v>1</v>
      </c>
      <c r="B2" s="7" t="s">
        <v>2</v>
      </c>
      <c r="C2" s="6" t="s">
        <v>3</v>
      </c>
      <c r="D2" s="6" t="s">
        <v>4</v>
      </c>
      <c r="E2" s="6" t="s">
        <v>5</v>
      </c>
      <c r="F2" s="6" t="s">
        <v>6</v>
      </c>
      <c r="G2" s="6" t="s">
        <v>7</v>
      </c>
      <c r="H2" s="6" t="s">
        <v>8</v>
      </c>
      <c r="I2" s="6" t="s">
        <v>9</v>
      </c>
      <c r="J2" s="6" t="s">
        <v>10</v>
      </c>
      <c r="K2" s="6" t="s">
        <v>11</v>
      </c>
    </row>
    <row r="3" spans="1:11" ht="22.4" customHeight="1">
      <c r="A3" s="8"/>
      <c r="B3" s="9" t="s">
        <v>12</v>
      </c>
      <c r="C3" s="8"/>
      <c r="D3" s="8"/>
      <c r="E3" s="8"/>
      <c r="F3" s="8"/>
      <c r="G3" s="8"/>
      <c r="H3" s="8"/>
      <c r="I3" s="8"/>
      <c r="J3" s="8"/>
      <c r="K3" s="8"/>
    </row>
    <row r="4" spans="1:11" ht="19.899999999999999" customHeight="1">
      <c r="A4" s="10" t="s">
        <v>73</v>
      </c>
      <c r="B4" s="5" t="s">
        <v>13</v>
      </c>
      <c r="C4" s="10" t="s">
        <v>81</v>
      </c>
      <c r="D4" s="12" t="s">
        <v>95</v>
      </c>
      <c r="E4" s="10">
        <v>35000</v>
      </c>
      <c r="F4" s="12" t="s">
        <v>39</v>
      </c>
      <c r="G4" s="10" t="s">
        <v>98</v>
      </c>
      <c r="H4" s="11" t="s">
        <v>104</v>
      </c>
      <c r="I4" s="10"/>
      <c r="J4" s="10"/>
      <c r="K4" s="10"/>
    </row>
    <row r="5" spans="1:11" ht="19.899999999999999" customHeight="1">
      <c r="A5" s="10" t="s">
        <v>52</v>
      </c>
      <c r="B5" s="5" t="s">
        <v>13</v>
      </c>
      <c r="C5" s="10" t="s">
        <v>57</v>
      </c>
      <c r="D5" s="12" t="s">
        <v>63</v>
      </c>
      <c r="E5" s="10">
        <v>22000</v>
      </c>
      <c r="F5" s="12" t="s">
        <v>45</v>
      </c>
      <c r="G5" s="10" t="s">
        <v>67</v>
      </c>
      <c r="H5" s="11" t="s">
        <v>105</v>
      </c>
      <c r="I5" s="12" t="s">
        <v>110</v>
      </c>
      <c r="J5" s="10"/>
      <c r="K5" s="10"/>
    </row>
    <row r="6" spans="1:11" ht="19.899999999999999" customHeight="1">
      <c r="A6" s="10" t="s">
        <v>74</v>
      </c>
      <c r="B6" s="5" t="s">
        <v>13</v>
      </c>
      <c r="C6" s="10" t="s">
        <v>82</v>
      </c>
      <c r="D6" s="12" t="s">
        <v>87</v>
      </c>
      <c r="E6" s="10">
        <v>39000</v>
      </c>
      <c r="F6" s="12" t="s">
        <v>33</v>
      </c>
      <c r="G6" s="10" t="s">
        <v>99</v>
      </c>
      <c r="H6" s="11" t="s">
        <v>106</v>
      </c>
      <c r="I6" s="10" t="s">
        <v>111</v>
      </c>
      <c r="J6" s="10" t="s">
        <v>118</v>
      </c>
      <c r="K6" s="13" t="s">
        <v>120</v>
      </c>
    </row>
    <row r="7" spans="1:11" ht="19.899999999999999" customHeight="1">
      <c r="A7" s="10" t="s">
        <v>24</v>
      </c>
      <c r="B7" s="5" t="s">
        <v>13</v>
      </c>
      <c r="C7" s="10" t="s">
        <v>28</v>
      </c>
      <c r="D7" s="12" t="s">
        <v>32</v>
      </c>
      <c r="E7" s="10">
        <v>64130</v>
      </c>
      <c r="F7" s="12" t="s">
        <v>36</v>
      </c>
      <c r="G7" s="10" t="s">
        <v>43</v>
      </c>
      <c r="H7" s="11"/>
      <c r="I7" s="10"/>
      <c r="J7" s="10"/>
      <c r="K7" s="10"/>
    </row>
    <row r="8" spans="1:11" ht="19.899999999999999" customHeight="1">
      <c r="A8" s="10" t="s">
        <v>50</v>
      </c>
      <c r="B8" s="5" t="s">
        <v>13</v>
      </c>
      <c r="C8" s="10" t="s">
        <v>55</v>
      </c>
      <c r="D8" s="12" t="s">
        <v>61</v>
      </c>
      <c r="E8" s="10">
        <v>77110</v>
      </c>
      <c r="F8" s="12" t="s">
        <v>17</v>
      </c>
      <c r="G8" s="10" t="s">
        <v>66</v>
      </c>
      <c r="H8" s="11"/>
      <c r="I8" s="10"/>
      <c r="J8" s="10"/>
      <c r="K8" s="10"/>
    </row>
    <row r="9" spans="1:11" ht="19.899999999999999" customHeight="1">
      <c r="A9" s="4" t="s">
        <v>51</v>
      </c>
      <c r="B9" s="5" t="s">
        <v>13</v>
      </c>
      <c r="C9" s="4" t="s">
        <v>56</v>
      </c>
      <c r="D9" s="4" t="s">
        <v>62</v>
      </c>
      <c r="E9" s="4">
        <v>94000</v>
      </c>
      <c r="F9" s="4" t="s">
        <v>46</v>
      </c>
      <c r="G9" s="4" t="s">
        <v>44</v>
      </c>
      <c r="H9" s="4" t="s">
        <v>107</v>
      </c>
      <c r="I9" s="4"/>
      <c r="J9" s="4"/>
      <c r="K9" s="14" t="s">
        <v>121</v>
      </c>
    </row>
    <row r="10" spans="1:11" ht="19.899999999999999" customHeight="1">
      <c r="A10" s="10" t="s">
        <v>23</v>
      </c>
      <c r="B10" s="5" t="s">
        <v>13</v>
      </c>
      <c r="C10" s="10" t="s">
        <v>27</v>
      </c>
      <c r="D10" s="12" t="s">
        <v>31</v>
      </c>
      <c r="E10" s="10">
        <v>64130</v>
      </c>
      <c r="F10" s="12" t="s">
        <v>36</v>
      </c>
      <c r="G10" s="10" t="s">
        <v>43</v>
      </c>
      <c r="H10" s="11"/>
      <c r="I10" s="10"/>
      <c r="J10" s="10"/>
      <c r="K10" s="10"/>
    </row>
    <row r="11" spans="1:11" ht="19.899999999999999" customHeight="1">
      <c r="A11" s="10" t="s">
        <v>51</v>
      </c>
      <c r="B11" s="5" t="s">
        <v>13</v>
      </c>
      <c r="C11" s="10" t="s">
        <v>56</v>
      </c>
      <c r="D11" s="12" t="s">
        <v>62</v>
      </c>
      <c r="E11" s="10">
        <v>94000</v>
      </c>
      <c r="F11" s="12" t="s">
        <v>46</v>
      </c>
      <c r="G11" s="10" t="s">
        <v>44</v>
      </c>
      <c r="H11" s="11" t="s">
        <v>107</v>
      </c>
      <c r="I11" s="10"/>
      <c r="J11" s="10"/>
      <c r="K11" s="10" t="s">
        <v>121</v>
      </c>
    </row>
    <row r="12" spans="1:11" ht="19.899999999999999" customHeight="1">
      <c r="A12" s="10" t="s">
        <v>75</v>
      </c>
      <c r="B12" s="5" t="s">
        <v>13</v>
      </c>
      <c r="C12" s="10" t="s">
        <v>83</v>
      </c>
      <c r="D12" s="12" t="s">
        <v>88</v>
      </c>
      <c r="E12" s="10">
        <v>20140</v>
      </c>
      <c r="F12" s="12" t="s">
        <v>71</v>
      </c>
      <c r="G12" s="10" t="s">
        <v>100</v>
      </c>
      <c r="H12" s="10"/>
      <c r="I12" s="10"/>
      <c r="J12" s="10"/>
      <c r="K12" s="10"/>
    </row>
    <row r="13" spans="1:11" ht="19.899999999999999" customHeight="1">
      <c r="A13" s="10" t="s">
        <v>21</v>
      </c>
      <c r="B13" s="5" t="s">
        <v>13</v>
      </c>
      <c r="C13" s="10" t="s">
        <v>25</v>
      </c>
      <c r="D13" s="12" t="s">
        <v>89</v>
      </c>
      <c r="E13" s="10">
        <v>50240</v>
      </c>
      <c r="F13" s="12" t="s">
        <v>16</v>
      </c>
      <c r="G13" s="10" t="s">
        <v>41</v>
      </c>
      <c r="H13" s="10" t="s">
        <v>41</v>
      </c>
      <c r="I13" s="10" t="s">
        <v>112</v>
      </c>
      <c r="J13" s="10"/>
      <c r="K13" s="10"/>
    </row>
    <row r="14" spans="1:11" ht="19.899999999999999" customHeight="1">
      <c r="A14" s="10" t="s">
        <v>53</v>
      </c>
      <c r="B14" s="5" t="s">
        <v>13</v>
      </c>
      <c r="C14" s="10" t="s">
        <v>59</v>
      </c>
      <c r="D14" s="12" t="s">
        <v>64</v>
      </c>
      <c r="E14" s="10">
        <v>57240</v>
      </c>
      <c r="F14" s="12" t="s">
        <v>96</v>
      </c>
      <c r="G14" s="10" t="s">
        <v>69</v>
      </c>
      <c r="H14" s="10" t="s">
        <v>108</v>
      </c>
      <c r="I14" s="10"/>
      <c r="J14" s="10"/>
      <c r="K14" s="10"/>
    </row>
    <row r="15" spans="1:11" ht="19.899999999999999" customHeight="1">
      <c r="A15" s="10" t="s">
        <v>76</v>
      </c>
      <c r="B15" s="5" t="s">
        <v>13</v>
      </c>
      <c r="C15" s="10" t="s">
        <v>47</v>
      </c>
      <c r="D15" s="12" t="s">
        <v>90</v>
      </c>
      <c r="E15" s="10">
        <v>58000</v>
      </c>
      <c r="F15" s="12" t="s">
        <v>49</v>
      </c>
      <c r="G15" s="10" t="s">
        <v>48</v>
      </c>
      <c r="H15" s="10" t="s">
        <v>48</v>
      </c>
      <c r="I15" s="10" t="s">
        <v>113</v>
      </c>
      <c r="J15" s="10"/>
      <c r="K15" s="10"/>
    </row>
    <row r="16" spans="1:11" ht="19.899999999999999" customHeight="1">
      <c r="A16" s="11" t="s">
        <v>20</v>
      </c>
      <c r="B16" s="5" t="s">
        <v>13</v>
      </c>
      <c r="C16" s="10" t="s">
        <v>14</v>
      </c>
      <c r="D16" s="12" t="s">
        <v>29</v>
      </c>
      <c r="E16" s="10">
        <v>45109</v>
      </c>
      <c r="F16" s="12" t="s">
        <v>15</v>
      </c>
      <c r="G16" s="10" t="s">
        <v>40</v>
      </c>
      <c r="H16" s="10" t="s">
        <v>40</v>
      </c>
      <c r="I16" s="11" t="s">
        <v>19</v>
      </c>
      <c r="J16" s="10"/>
      <c r="K16" s="10"/>
    </row>
    <row r="17" spans="1:11" ht="19.899999999999999" customHeight="1">
      <c r="A17" s="11" t="s">
        <v>52</v>
      </c>
      <c r="B17" s="5" t="s">
        <v>13</v>
      </c>
      <c r="C17" s="10" t="s">
        <v>57</v>
      </c>
      <c r="D17" s="12" t="s">
        <v>63</v>
      </c>
      <c r="E17" s="10">
        <v>22000</v>
      </c>
      <c r="F17" s="12" t="s">
        <v>45</v>
      </c>
      <c r="G17" s="10" t="s">
        <v>67</v>
      </c>
      <c r="H17" s="10" t="s">
        <v>105</v>
      </c>
      <c r="I17" s="11" t="s">
        <v>110</v>
      </c>
      <c r="J17" s="10"/>
      <c r="K17" s="10"/>
    </row>
    <row r="18" spans="1:11" ht="19.899999999999999" customHeight="1">
      <c r="A18" s="11" t="s">
        <v>22</v>
      </c>
      <c r="B18" s="5" t="s">
        <v>13</v>
      </c>
      <c r="C18" s="10" t="s">
        <v>26</v>
      </c>
      <c r="D18" s="12" t="s">
        <v>30</v>
      </c>
      <c r="E18" s="10">
        <v>38000</v>
      </c>
      <c r="F18" s="12" t="s">
        <v>34</v>
      </c>
      <c r="G18" s="10" t="s">
        <v>42</v>
      </c>
      <c r="H18" s="10"/>
      <c r="I18" s="10" t="s">
        <v>114</v>
      </c>
      <c r="J18" s="10"/>
      <c r="K18" s="10"/>
    </row>
    <row r="19" spans="1:11" ht="19.899999999999999" customHeight="1">
      <c r="A19" s="11" t="s">
        <v>77</v>
      </c>
      <c r="B19" s="5" t="s">
        <v>13</v>
      </c>
      <c r="C19" s="10" t="s">
        <v>84</v>
      </c>
      <c r="D19" s="12" t="s">
        <v>91</v>
      </c>
      <c r="E19" s="10">
        <v>37240</v>
      </c>
      <c r="F19" s="12" t="s">
        <v>37</v>
      </c>
      <c r="G19" s="10" t="s">
        <v>101</v>
      </c>
      <c r="H19" s="10"/>
      <c r="I19" s="11" t="s">
        <v>115</v>
      </c>
      <c r="J19" s="10"/>
      <c r="K19" s="10"/>
    </row>
    <row r="20" spans="1:11" ht="19.899999999999999" customHeight="1">
      <c r="A20" s="11" t="s">
        <v>78</v>
      </c>
      <c r="B20" s="5" t="s">
        <v>13</v>
      </c>
      <c r="C20" s="10" t="s">
        <v>85</v>
      </c>
      <c r="D20" s="12" t="s">
        <v>92</v>
      </c>
      <c r="E20" s="10">
        <v>90110</v>
      </c>
      <c r="F20" s="12" t="s">
        <v>18</v>
      </c>
      <c r="G20" s="10" t="s">
        <v>102</v>
      </c>
      <c r="H20" s="10" t="s">
        <v>109</v>
      </c>
      <c r="I20" s="11" t="s">
        <v>116</v>
      </c>
      <c r="J20" s="10" t="s">
        <v>119</v>
      </c>
      <c r="K20" s="10"/>
    </row>
    <row r="21" spans="1:11" ht="19.899999999999999" customHeight="1">
      <c r="A21" s="11" t="s">
        <v>54</v>
      </c>
      <c r="B21" s="5" t="s">
        <v>13</v>
      </c>
      <c r="C21" s="10" t="s">
        <v>60</v>
      </c>
      <c r="D21" s="12" t="s">
        <v>65</v>
      </c>
      <c r="E21" s="10">
        <v>72190</v>
      </c>
      <c r="F21" s="12" t="s">
        <v>38</v>
      </c>
      <c r="G21" s="10" t="s">
        <v>70</v>
      </c>
      <c r="H21" s="10" t="s">
        <v>70</v>
      </c>
      <c r="I21" s="11" t="s">
        <v>117</v>
      </c>
      <c r="J21" s="10"/>
      <c r="K21" s="10"/>
    </row>
    <row r="22" spans="1:11" ht="19.899999999999999" customHeight="1">
      <c r="A22" s="11" t="s">
        <v>79</v>
      </c>
      <c r="B22" s="5" t="s">
        <v>13</v>
      </c>
      <c r="C22" s="10" t="s">
        <v>86</v>
      </c>
      <c r="D22" s="12" t="s">
        <v>93</v>
      </c>
      <c r="E22" s="10">
        <v>34190</v>
      </c>
      <c r="F22" s="12" t="s">
        <v>97</v>
      </c>
      <c r="G22" s="10" t="s">
        <v>103</v>
      </c>
      <c r="H22" s="10"/>
      <c r="I22" s="11"/>
      <c r="J22" s="10"/>
      <c r="K22" s="10"/>
    </row>
    <row r="23" spans="1:11" ht="19.899999999999999" customHeight="1">
      <c r="A23" s="11" t="s">
        <v>77</v>
      </c>
      <c r="B23" s="5" t="s">
        <v>13</v>
      </c>
      <c r="C23" s="10" t="s">
        <v>84</v>
      </c>
      <c r="D23" s="12" t="s">
        <v>91</v>
      </c>
      <c r="E23" s="10">
        <v>37240</v>
      </c>
      <c r="F23" s="12" t="s">
        <v>37</v>
      </c>
      <c r="G23" s="10" t="s">
        <v>101</v>
      </c>
      <c r="H23" s="10"/>
      <c r="I23" s="11" t="s">
        <v>115</v>
      </c>
      <c r="J23" s="10"/>
      <c r="K23" s="10"/>
    </row>
    <row r="24" spans="1:11" ht="19.899999999999999" customHeight="1">
      <c r="A24" s="11" t="s">
        <v>80</v>
      </c>
      <c r="B24" s="5" t="s">
        <v>13</v>
      </c>
      <c r="C24" s="10" t="s">
        <v>58</v>
      </c>
      <c r="D24" s="12" t="s">
        <v>94</v>
      </c>
      <c r="E24" s="10">
        <v>46120</v>
      </c>
      <c r="F24" s="12" t="s">
        <v>35</v>
      </c>
      <c r="G24" s="10" t="s">
        <v>68</v>
      </c>
      <c r="H24" s="10" t="s">
        <v>68</v>
      </c>
      <c r="I24" s="10" t="s">
        <v>72</v>
      </c>
      <c r="J24" s="10"/>
      <c r="K24" s="10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6" r:id="rId1" xr:uid="{3229EE76-295A-4DE5-9B11-7395C0BBF20B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7:59:10Z</dcterms:modified>
</cp:coreProperties>
</file>